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_b経費予算書（買い手支援Ａ）" sheetId="6" r:id="rId1"/>
  </sheets>
  <definedNames>
    <definedName name="_xlnm.Print_Area" localSheetId="0">'様式１－４_b経費予算書（買い手支援Ａ）'!$B$4:$R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0" i="6" l="1"/>
  <c r="Q11" i="6"/>
  <c r="Q12" i="6"/>
  <c r="Q13" i="6"/>
  <c r="Q14" i="6"/>
  <c r="Q15" i="6"/>
  <c r="Q16" i="6"/>
  <c r="Q17" i="6"/>
  <c r="Q18" i="6"/>
  <c r="Q19" i="6"/>
  <c r="Q20" i="6"/>
  <c r="Q21" i="6"/>
  <c r="Q22" i="6"/>
  <c r="Q23" i="6"/>
  <c r="Q24" i="6"/>
  <c r="Q25" i="6"/>
  <c r="Q26" i="6"/>
  <c r="Q27" i="6"/>
  <c r="Q28" i="6"/>
  <c r="Q9" i="6"/>
  <c r="I30" i="6" l="1"/>
  <c r="F31" i="6" s="1"/>
  <c r="I29" i="6"/>
  <c r="F32" i="6" l="1"/>
</calcChain>
</file>

<file path=xl/sharedStrings.xml><?xml version="1.0" encoding="utf-8"?>
<sst xmlns="http://schemas.openxmlformats.org/spreadsheetml/2006/main" count="24" uniqueCount="24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（３）補助金交付申請額
　　※（２）の千円未満切捨て</t>
    <phoneticPr fontId="1"/>
  </si>
  <si>
    <r>
      <t>（２）補助対象経費（合計）×1/2
　　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　※円未満切捨て</t>
    </r>
    <rPh sb="21" eb="22">
      <t>マタ</t>
    </rPh>
    <rPh sb="26" eb="28">
      <t>マンエン</t>
    </rPh>
    <rPh sb="33" eb="34">
      <t>ヒク</t>
    </rPh>
    <rPh sb="35" eb="36">
      <t>ガク</t>
    </rPh>
    <phoneticPr fontId="1"/>
  </si>
  <si>
    <t>(様式１－４b）　　経費予算書（買い手支援Ａ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33"/>
  <sheetViews>
    <sheetView showGridLines="0" tabSelected="1" view="pageBreakPreview" zoomScale="115" zoomScaleNormal="115" zoomScaleSheetLayoutView="115" workbookViewId="0">
      <selection activeCell="B6" sqref="B6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5" customWidth="1"/>
    <col min="17" max="17" width="5" hidden="1" customWidth="1"/>
    <col min="18" max="18" width="7.25" hidden="1" customWidth="1"/>
    <col min="19" max="19" width="7.375" customWidth="1"/>
  </cols>
  <sheetData>
    <row r="4" spans="2:18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7.25" x14ac:dyDescent="0.15">
      <c r="B5" s="3" t="s">
        <v>23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1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15">
      <c r="B7" s="5" t="s">
        <v>5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15">
      <c r="B8" s="2"/>
      <c r="C8" s="9" t="s">
        <v>6</v>
      </c>
      <c r="D8" s="42" t="s">
        <v>20</v>
      </c>
      <c r="E8" s="43"/>
      <c r="F8" s="43"/>
      <c r="G8" s="43"/>
      <c r="H8" s="44"/>
      <c r="I8" s="42" t="s">
        <v>2</v>
      </c>
      <c r="J8" s="43"/>
      <c r="K8" s="44"/>
      <c r="L8" s="39" t="s">
        <v>1</v>
      </c>
      <c r="M8" s="40"/>
      <c r="N8" s="40"/>
      <c r="O8" s="41"/>
      <c r="P8" s="6"/>
    </row>
    <row r="9" spans="2:18" ht="21.75" customHeight="1" x14ac:dyDescent="0.15">
      <c r="B9" s="2"/>
      <c r="C9" s="1"/>
      <c r="D9" s="30"/>
      <c r="E9" s="31"/>
      <c r="F9" s="31"/>
      <c r="G9" s="31"/>
      <c r="H9" s="32"/>
      <c r="I9" s="36"/>
      <c r="J9" s="37"/>
      <c r="K9" s="38"/>
      <c r="L9" s="30"/>
      <c r="M9" s="31"/>
      <c r="N9" s="31"/>
      <c r="O9" s="32"/>
      <c r="P9" s="10"/>
      <c r="Q9" s="13">
        <f>MIN(IF((I9=""),0,I9),400000)</f>
        <v>0</v>
      </c>
      <c r="R9" s="2" t="s">
        <v>7</v>
      </c>
    </row>
    <row r="10" spans="2:18" ht="21.75" customHeight="1" x14ac:dyDescent="0.15">
      <c r="B10" s="2"/>
      <c r="C10" s="1"/>
      <c r="D10" s="30"/>
      <c r="E10" s="31"/>
      <c r="F10" s="31"/>
      <c r="G10" s="31"/>
      <c r="H10" s="32"/>
      <c r="I10" s="36"/>
      <c r="J10" s="37"/>
      <c r="K10" s="38"/>
      <c r="L10" s="30"/>
      <c r="M10" s="31"/>
      <c r="N10" s="31"/>
      <c r="O10" s="32"/>
      <c r="P10" s="10"/>
      <c r="Q10" s="13">
        <f t="shared" ref="Q10:Q28" si="0">MIN(IF((I10=""),0,I10),400000)</f>
        <v>0</v>
      </c>
      <c r="R10" s="2" t="s">
        <v>8</v>
      </c>
    </row>
    <row r="11" spans="2:18" ht="21.75" customHeight="1" x14ac:dyDescent="0.15">
      <c r="B11" s="2"/>
      <c r="C11" s="1"/>
      <c r="D11" s="30"/>
      <c r="E11" s="31"/>
      <c r="F11" s="31"/>
      <c r="G11" s="31"/>
      <c r="H11" s="32"/>
      <c r="I11" s="36"/>
      <c r="J11" s="37"/>
      <c r="K11" s="38"/>
      <c r="L11" s="30"/>
      <c r="M11" s="31"/>
      <c r="N11" s="31"/>
      <c r="O11" s="32"/>
      <c r="P11" s="10"/>
      <c r="Q11" s="13">
        <f t="shared" si="0"/>
        <v>0</v>
      </c>
      <c r="R11" s="2" t="s">
        <v>9</v>
      </c>
    </row>
    <row r="12" spans="2:18" ht="21.75" customHeight="1" x14ac:dyDescent="0.15">
      <c r="B12" s="2"/>
      <c r="C12" s="1"/>
      <c r="D12" s="30"/>
      <c r="E12" s="31"/>
      <c r="F12" s="31"/>
      <c r="G12" s="31"/>
      <c r="H12" s="32"/>
      <c r="I12" s="36"/>
      <c r="J12" s="37"/>
      <c r="K12" s="38"/>
      <c r="L12" s="30"/>
      <c r="M12" s="31"/>
      <c r="N12" s="31"/>
      <c r="O12" s="32"/>
      <c r="P12" s="10"/>
      <c r="Q12" s="13">
        <f t="shared" si="0"/>
        <v>0</v>
      </c>
      <c r="R12" s="2" t="s">
        <v>10</v>
      </c>
    </row>
    <row r="13" spans="2:18" ht="21.75" customHeight="1" x14ac:dyDescent="0.15">
      <c r="B13" s="2"/>
      <c r="C13" s="1"/>
      <c r="D13" s="30"/>
      <c r="E13" s="31"/>
      <c r="F13" s="31"/>
      <c r="G13" s="31"/>
      <c r="H13" s="32"/>
      <c r="I13" s="36"/>
      <c r="J13" s="37"/>
      <c r="K13" s="38"/>
      <c r="L13" s="30"/>
      <c r="M13" s="31"/>
      <c r="N13" s="31"/>
      <c r="O13" s="32"/>
      <c r="P13" s="10"/>
      <c r="Q13" s="13">
        <f t="shared" si="0"/>
        <v>0</v>
      </c>
      <c r="R13" s="2" t="s">
        <v>11</v>
      </c>
    </row>
    <row r="14" spans="2:18" ht="21.75" customHeight="1" x14ac:dyDescent="0.15">
      <c r="B14" s="2"/>
      <c r="C14" s="1"/>
      <c r="D14" s="30"/>
      <c r="E14" s="31"/>
      <c r="F14" s="31"/>
      <c r="G14" s="31"/>
      <c r="H14" s="32"/>
      <c r="I14" s="36"/>
      <c r="J14" s="37"/>
      <c r="K14" s="38"/>
      <c r="L14" s="30"/>
      <c r="M14" s="31"/>
      <c r="N14" s="31"/>
      <c r="O14" s="32"/>
      <c r="P14" s="10"/>
      <c r="Q14" s="13">
        <f t="shared" si="0"/>
        <v>0</v>
      </c>
      <c r="R14" s="2" t="s">
        <v>12</v>
      </c>
    </row>
    <row r="15" spans="2:18" ht="21.75" customHeight="1" x14ac:dyDescent="0.15">
      <c r="B15" s="2"/>
      <c r="C15" s="1"/>
      <c r="D15" s="30"/>
      <c r="E15" s="31"/>
      <c r="F15" s="31"/>
      <c r="G15" s="31"/>
      <c r="H15" s="32"/>
      <c r="I15" s="36"/>
      <c r="J15" s="37"/>
      <c r="K15" s="38"/>
      <c r="L15" s="30"/>
      <c r="M15" s="31"/>
      <c r="N15" s="31"/>
      <c r="O15" s="32"/>
      <c r="P15" s="10"/>
      <c r="Q15" s="13">
        <f t="shared" si="0"/>
        <v>0</v>
      </c>
      <c r="R15" s="2" t="s">
        <v>13</v>
      </c>
    </row>
    <row r="16" spans="2:18" ht="21.75" customHeight="1" x14ac:dyDescent="0.15">
      <c r="B16" s="2"/>
      <c r="C16" s="1"/>
      <c r="D16" s="30"/>
      <c r="E16" s="31"/>
      <c r="F16" s="31"/>
      <c r="G16" s="31"/>
      <c r="H16" s="32"/>
      <c r="I16" s="36"/>
      <c r="J16" s="37"/>
      <c r="K16" s="38"/>
      <c r="L16" s="30"/>
      <c r="M16" s="31"/>
      <c r="N16" s="31"/>
      <c r="O16" s="32"/>
      <c r="P16" s="10"/>
      <c r="Q16" s="13">
        <f t="shared" si="0"/>
        <v>0</v>
      </c>
      <c r="R16" s="2" t="s">
        <v>14</v>
      </c>
    </row>
    <row r="17" spans="2:18" ht="21.75" customHeight="1" x14ac:dyDescent="0.15">
      <c r="B17" s="2"/>
      <c r="C17" s="1"/>
      <c r="D17" s="30"/>
      <c r="E17" s="31"/>
      <c r="F17" s="31"/>
      <c r="G17" s="31"/>
      <c r="H17" s="32"/>
      <c r="I17" s="36"/>
      <c r="J17" s="37"/>
      <c r="K17" s="38"/>
      <c r="L17" s="30"/>
      <c r="M17" s="31"/>
      <c r="N17" s="31"/>
      <c r="O17" s="32"/>
      <c r="P17" s="10"/>
      <c r="Q17" s="13">
        <f t="shared" si="0"/>
        <v>0</v>
      </c>
      <c r="R17" s="2" t="s">
        <v>15</v>
      </c>
    </row>
    <row r="18" spans="2:18" ht="21.75" customHeight="1" x14ac:dyDescent="0.15">
      <c r="B18" s="2"/>
      <c r="C18" s="1"/>
      <c r="D18" s="30"/>
      <c r="E18" s="31"/>
      <c r="F18" s="31"/>
      <c r="G18" s="31"/>
      <c r="H18" s="32"/>
      <c r="I18" s="36"/>
      <c r="J18" s="37"/>
      <c r="K18" s="38"/>
      <c r="L18" s="30"/>
      <c r="M18" s="31"/>
      <c r="N18" s="31"/>
      <c r="O18" s="32"/>
      <c r="P18" s="10"/>
      <c r="Q18" s="13">
        <f t="shared" si="0"/>
        <v>0</v>
      </c>
      <c r="R18" s="2" t="s">
        <v>16</v>
      </c>
    </row>
    <row r="19" spans="2:18" ht="21.75" customHeight="1" x14ac:dyDescent="0.15">
      <c r="B19" s="2"/>
      <c r="C19" s="1"/>
      <c r="D19" s="30"/>
      <c r="E19" s="31"/>
      <c r="F19" s="31"/>
      <c r="G19" s="31"/>
      <c r="H19" s="32"/>
      <c r="I19" s="36"/>
      <c r="J19" s="37"/>
      <c r="K19" s="38"/>
      <c r="L19" s="30"/>
      <c r="M19" s="31"/>
      <c r="N19" s="31"/>
      <c r="O19" s="32"/>
      <c r="P19" s="10"/>
      <c r="Q19" s="13">
        <f t="shared" si="0"/>
        <v>0</v>
      </c>
      <c r="R19" s="2" t="s">
        <v>17</v>
      </c>
    </row>
    <row r="20" spans="2:18" ht="21.75" customHeight="1" x14ac:dyDescent="0.15">
      <c r="B20" s="2"/>
      <c r="C20" s="1"/>
      <c r="D20" s="30"/>
      <c r="E20" s="31"/>
      <c r="F20" s="31"/>
      <c r="G20" s="31"/>
      <c r="H20" s="32"/>
      <c r="I20" s="36"/>
      <c r="J20" s="37"/>
      <c r="K20" s="38"/>
      <c r="L20" s="30"/>
      <c r="M20" s="31"/>
      <c r="N20" s="31"/>
      <c r="O20" s="32"/>
      <c r="P20" s="10"/>
      <c r="Q20" s="13">
        <f t="shared" si="0"/>
        <v>0</v>
      </c>
      <c r="R20" s="2" t="s">
        <v>18</v>
      </c>
    </row>
    <row r="21" spans="2:18" ht="21.75" customHeight="1" x14ac:dyDescent="0.15">
      <c r="B21" s="2"/>
      <c r="C21" s="1"/>
      <c r="D21" s="30"/>
      <c r="E21" s="31"/>
      <c r="F21" s="31"/>
      <c r="G21" s="31"/>
      <c r="H21" s="32"/>
      <c r="I21" s="36"/>
      <c r="J21" s="37"/>
      <c r="K21" s="38"/>
      <c r="L21" s="30"/>
      <c r="M21" s="31"/>
      <c r="N21" s="31"/>
      <c r="O21" s="32"/>
      <c r="P21" s="10"/>
      <c r="Q21" s="13">
        <f t="shared" si="0"/>
        <v>0</v>
      </c>
      <c r="R21" s="2" t="s">
        <v>19</v>
      </c>
    </row>
    <row r="22" spans="2:18" ht="21.75" customHeight="1" x14ac:dyDescent="0.15">
      <c r="B22" s="2"/>
      <c r="C22" s="1"/>
      <c r="D22" s="30"/>
      <c r="E22" s="31"/>
      <c r="F22" s="31"/>
      <c r="G22" s="31"/>
      <c r="H22" s="32"/>
      <c r="I22" s="36"/>
      <c r="J22" s="37"/>
      <c r="K22" s="38"/>
      <c r="L22" s="30"/>
      <c r="M22" s="31"/>
      <c r="N22" s="31"/>
      <c r="O22" s="32"/>
      <c r="P22" s="10"/>
      <c r="Q22" s="13">
        <f t="shared" si="0"/>
        <v>0</v>
      </c>
    </row>
    <row r="23" spans="2:18" ht="21.75" customHeight="1" x14ac:dyDescent="0.15">
      <c r="B23" s="2"/>
      <c r="C23" s="1"/>
      <c r="D23" s="30"/>
      <c r="E23" s="31"/>
      <c r="F23" s="31"/>
      <c r="G23" s="31"/>
      <c r="H23" s="32"/>
      <c r="I23" s="36"/>
      <c r="J23" s="37"/>
      <c r="K23" s="38"/>
      <c r="L23" s="30"/>
      <c r="M23" s="31"/>
      <c r="N23" s="31"/>
      <c r="O23" s="32"/>
      <c r="P23" s="10"/>
      <c r="Q23" s="13">
        <f t="shared" si="0"/>
        <v>0</v>
      </c>
    </row>
    <row r="24" spans="2:18" ht="21.75" customHeight="1" x14ac:dyDescent="0.15">
      <c r="B24" s="2"/>
      <c r="C24" s="1"/>
      <c r="D24" s="30"/>
      <c r="E24" s="31"/>
      <c r="F24" s="31"/>
      <c r="G24" s="31"/>
      <c r="H24" s="32"/>
      <c r="I24" s="36"/>
      <c r="J24" s="37"/>
      <c r="K24" s="38"/>
      <c r="L24" s="30"/>
      <c r="M24" s="31"/>
      <c r="N24" s="31"/>
      <c r="O24" s="32"/>
      <c r="P24" s="10"/>
      <c r="Q24" s="13">
        <f t="shared" si="0"/>
        <v>0</v>
      </c>
    </row>
    <row r="25" spans="2:18" ht="21.75" customHeight="1" x14ac:dyDescent="0.15">
      <c r="B25" s="2"/>
      <c r="C25" s="1"/>
      <c r="D25" s="30"/>
      <c r="E25" s="31"/>
      <c r="F25" s="31"/>
      <c r="G25" s="31"/>
      <c r="H25" s="32"/>
      <c r="I25" s="36"/>
      <c r="J25" s="37"/>
      <c r="K25" s="38"/>
      <c r="L25" s="30"/>
      <c r="M25" s="31"/>
      <c r="N25" s="31"/>
      <c r="O25" s="32"/>
      <c r="P25" s="10"/>
      <c r="Q25" s="13">
        <f t="shared" si="0"/>
        <v>0</v>
      </c>
    </row>
    <row r="26" spans="2:18" ht="21.75" customHeight="1" x14ac:dyDescent="0.15">
      <c r="B26" s="2"/>
      <c r="C26" s="1"/>
      <c r="D26" s="30"/>
      <c r="E26" s="31"/>
      <c r="F26" s="31"/>
      <c r="G26" s="31"/>
      <c r="H26" s="32"/>
      <c r="I26" s="36"/>
      <c r="J26" s="37"/>
      <c r="K26" s="38"/>
      <c r="L26" s="30"/>
      <c r="M26" s="31"/>
      <c r="N26" s="31"/>
      <c r="O26" s="32"/>
      <c r="P26" s="10"/>
      <c r="Q26" s="13">
        <f t="shared" si="0"/>
        <v>0</v>
      </c>
    </row>
    <row r="27" spans="2:18" ht="21.75" customHeight="1" x14ac:dyDescent="0.15">
      <c r="B27" s="2"/>
      <c r="C27" s="1"/>
      <c r="D27" s="30"/>
      <c r="E27" s="31"/>
      <c r="F27" s="31"/>
      <c r="G27" s="31"/>
      <c r="H27" s="32"/>
      <c r="I27" s="36"/>
      <c r="J27" s="37"/>
      <c r="K27" s="38"/>
      <c r="L27" s="30"/>
      <c r="M27" s="31"/>
      <c r="N27" s="31"/>
      <c r="O27" s="32"/>
      <c r="P27" s="10"/>
      <c r="Q27" s="13">
        <f t="shared" si="0"/>
        <v>0</v>
      </c>
    </row>
    <row r="28" spans="2:18" ht="21.75" customHeight="1" x14ac:dyDescent="0.15">
      <c r="B28" s="2"/>
      <c r="C28" s="1"/>
      <c r="D28" s="30"/>
      <c r="E28" s="31"/>
      <c r="F28" s="31"/>
      <c r="G28" s="31"/>
      <c r="H28" s="32"/>
      <c r="I28" s="36"/>
      <c r="J28" s="37"/>
      <c r="K28" s="38"/>
      <c r="L28" s="30"/>
      <c r="M28" s="31"/>
      <c r="N28" s="31"/>
      <c r="O28" s="32"/>
      <c r="P28" s="10"/>
      <c r="Q28" s="13">
        <f t="shared" si="0"/>
        <v>0</v>
      </c>
    </row>
    <row r="29" spans="2:18" ht="33.75" customHeight="1" x14ac:dyDescent="0.15">
      <c r="B29" s="2"/>
      <c r="C29" s="21" t="s">
        <v>0</v>
      </c>
      <c r="D29" s="22"/>
      <c r="E29" s="22"/>
      <c r="F29" s="22"/>
      <c r="G29" s="22"/>
      <c r="H29" s="23"/>
      <c r="I29" s="24">
        <f>SUM(I9:K28)</f>
        <v>0</v>
      </c>
      <c r="J29" s="25"/>
      <c r="K29" s="26"/>
      <c r="L29" s="33"/>
      <c r="M29" s="34"/>
      <c r="N29" s="34"/>
      <c r="O29" s="35"/>
      <c r="P29" s="11"/>
    </row>
    <row r="30" spans="2:18" ht="33.75" customHeight="1" x14ac:dyDescent="0.15">
      <c r="B30" s="2"/>
      <c r="C30" s="21" t="s">
        <v>4</v>
      </c>
      <c r="D30" s="22"/>
      <c r="E30" s="22"/>
      <c r="F30" s="22"/>
      <c r="G30" s="22"/>
      <c r="H30" s="23"/>
      <c r="I30" s="24">
        <f>SUM(Q9:Q28)</f>
        <v>0</v>
      </c>
      <c r="J30" s="25"/>
      <c r="K30" s="26"/>
      <c r="L30" s="33"/>
      <c r="M30" s="34"/>
      <c r="N30" s="34"/>
      <c r="O30" s="35"/>
      <c r="P30" s="11"/>
    </row>
    <row r="31" spans="2:18" ht="33.75" customHeight="1" x14ac:dyDescent="0.15">
      <c r="B31" s="2"/>
      <c r="C31" s="27" t="s">
        <v>22</v>
      </c>
      <c r="D31" s="28"/>
      <c r="E31" s="29"/>
      <c r="F31" s="18">
        <f>IF(ROUNDDOWN($I$30*1/2,0)&gt;=1000000,1000000,ROUNDDOWN($I$30*1/2,0))</f>
        <v>0</v>
      </c>
      <c r="G31" s="19"/>
      <c r="H31" s="20"/>
      <c r="I31" s="16"/>
      <c r="J31" s="16"/>
      <c r="K31" s="16"/>
      <c r="L31" s="16"/>
      <c r="M31" s="16"/>
      <c r="N31" s="16"/>
      <c r="O31" s="17"/>
      <c r="P31" s="11"/>
    </row>
    <row r="32" spans="2:18" ht="33.75" customHeight="1" x14ac:dyDescent="0.15">
      <c r="B32" s="2"/>
      <c r="C32" s="27" t="s">
        <v>21</v>
      </c>
      <c r="D32" s="28"/>
      <c r="E32" s="29"/>
      <c r="F32" s="24">
        <f>ROUNDDOWN($F$31,-3)</f>
        <v>0</v>
      </c>
      <c r="G32" s="25"/>
      <c r="H32" s="26"/>
      <c r="I32" s="14" t="s">
        <v>3</v>
      </c>
      <c r="J32" s="14"/>
      <c r="K32" s="14"/>
      <c r="L32" s="14"/>
      <c r="M32" s="14"/>
      <c r="N32" s="14"/>
      <c r="O32" s="15"/>
      <c r="P32" s="12"/>
    </row>
    <row r="33" spans="2:16" x14ac:dyDescent="0.15"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</row>
  </sheetData>
  <sheetProtection algorithmName="SHA-512" hashValue="2u5zcN3HUKSJU9ex4F2nG9joqDaEvrKpi3Nx3J60keLDCroIbZPfpanlpuMi1IQ1aD+aS9y40goJq2zLWl6Uew==" saltValue="8JlsuAVzuMIFKfQhjgPwyg==" spinCount="100000" sheet="1" objects="1" scenarios="1"/>
  <mergeCells count="75">
    <mergeCell ref="D26:H26"/>
    <mergeCell ref="D27:H27"/>
    <mergeCell ref="D28:H28"/>
    <mergeCell ref="C31:E31"/>
    <mergeCell ref="C30:H30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L21:O21"/>
    <mergeCell ref="L22:O22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26:K26"/>
    <mergeCell ref="I27:K27"/>
    <mergeCell ref="I28:K28"/>
    <mergeCell ref="I30:K30"/>
    <mergeCell ref="I25:K25"/>
    <mergeCell ref="I29:K29"/>
    <mergeCell ref="L28:O28"/>
    <mergeCell ref="L30:O30"/>
    <mergeCell ref="L25:O25"/>
    <mergeCell ref="L26:O26"/>
    <mergeCell ref="L27:O27"/>
    <mergeCell ref="L29:O29"/>
    <mergeCell ref="I32:O32"/>
    <mergeCell ref="I31:O31"/>
    <mergeCell ref="F31:H31"/>
    <mergeCell ref="C29:H29"/>
    <mergeCell ref="F32:H32"/>
    <mergeCell ref="C32:E32"/>
  </mergeCells>
  <phoneticPr fontId="1"/>
  <dataValidations count="1">
    <dataValidation type="list" allowBlank="1" showInputMessage="1" showErrorMessage="1" sqref="C9:C28">
      <formula1>$R$10:$R$21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_b経費予算書（買い手支援Ａ）</vt:lpstr>
      <vt:lpstr>'様式１－４_b経費予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5:23Z</cp:lastPrinted>
  <dcterms:created xsi:type="dcterms:W3CDTF">2021-03-15T08:57:58Z</dcterms:created>
  <dcterms:modified xsi:type="dcterms:W3CDTF">2025-03-28T01:24:24Z</dcterms:modified>
</cp:coreProperties>
</file>